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024. Ochranné prostriedky pred RTG žiarením\05. Josephine\01. Výzva na predloženie CP\"/>
    </mc:Choice>
  </mc:AlternateContent>
  <bookViews>
    <workbookView xWindow="0" yWindow="0" windowWidth="28800" windowHeight="11985" tabRatio="727"/>
  </bookViews>
  <sheets>
    <sheet name="Príloha č. 1 " sheetId="22" r:id="rId1"/>
    <sheet name="Príloha č. 2" sheetId="23" r:id="rId2"/>
    <sheet name="Príloha č.3" sheetId="13" r:id="rId3"/>
  </sheets>
  <definedNames>
    <definedName name="_xlnm.Print_Area" localSheetId="0">'Príloha č. 1 '!$A$1:$G$59</definedName>
    <definedName name="_xlnm.Print_Area" localSheetId="1">'Príloha č. 2'!$A$1:$K$50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0" uniqueCount="88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>Ochranné prostriedky pred RTG žiarením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Položka č. 1 - OCHRANNÁ ČIAPKA:</t>
  </si>
  <si>
    <t>ochranná chirurgická čiapka proti RTG žiareniu,</t>
  </si>
  <si>
    <t>používaná pri intervenčnej radiológií, kardiológii a iných zdravotníckych postupov, kde sa používa skiaskopia,</t>
  </si>
  <si>
    <t>určená na viacnásobné použitie,</t>
  </si>
  <si>
    <t>ekvivalencia k olovu: 0,25 mm pri 90 kVp,</t>
  </si>
  <si>
    <t>percentuálne oslabenie: pri 90kVp vyššie než 90%,</t>
  </si>
  <si>
    <t>čiapka neobsahuje olovo ani vedľajšie produkty olova,</t>
  </si>
  <si>
    <t>čiapka sa zaväzuje na zadnej strane,</t>
  </si>
  <si>
    <t>obsahuje tieniaci materiál, ktorý poskytne ochranu mozgu pred vystavením žiarenia.</t>
  </si>
  <si>
    <t>Položka č. 2 - OCHRANNÝ KRYT, TYP 1:</t>
  </si>
  <si>
    <t>určený pre ľavostranný subciaviálny prístup,</t>
  </si>
  <si>
    <t>určený na jedno použitie,</t>
  </si>
  <si>
    <t>požadovaný rozmer: 12,5" x 16,5",</t>
  </si>
  <si>
    <t>sterilne balený,</t>
  </si>
  <si>
    <t>percentuálne oslabenie: pri 90kVp vyššie než 90%.</t>
  </si>
  <si>
    <t>Položka č. 3 - OCHRANNÝ KRYT, TYP 2:</t>
  </si>
  <si>
    <t>určený pre femorálny prístup,</t>
  </si>
  <si>
    <t>požadovaný rozmer: 14,5" x 16,5",</t>
  </si>
  <si>
    <t>Položka č. 4 - OCHRANNÝ KRYT, TYP 3:</t>
  </si>
  <si>
    <t>určený pre radiálny a brachiálny prístup,</t>
  </si>
  <si>
    <t>Položka č. 5 - OCHRANNÝ KRYT, TYP 4:</t>
  </si>
  <si>
    <t>určený na ochranu počas intervenčných postupov na periférnych cievach,</t>
  </si>
  <si>
    <t>požadovaný rozmer: 11" x 34",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Položka č. 1 - OCHRANNÁ ČIAPKA</t>
  </si>
  <si>
    <t>Položka č. 2 - OCHRANNÝ KRYT, TYP 1</t>
  </si>
  <si>
    <t>Položka č. 3 - OCHRANNÝ KRYT, TYP 2</t>
  </si>
  <si>
    <t>Položka č. 4 - OCHRANNÝ KRYT, TYP 3</t>
  </si>
  <si>
    <t>Položka č. 5 - OCHRANNÝ KRYT, TYP 4</t>
  </si>
  <si>
    <t>Košiciach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0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0" fontId="2" fillId="0" borderId="14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46" xfId="0" applyFont="1" applyBorder="1" applyAlignment="1" applyProtection="1">
      <alignment horizontal="center" vertical="center" wrapText="1"/>
      <protection locked="0"/>
    </xf>
    <xf numFmtId="0" fontId="16" fillId="0" borderId="47" xfId="0" applyFont="1" applyBorder="1" applyAlignment="1" applyProtection="1">
      <alignment horizontal="center" vertical="center" wrapText="1"/>
      <protection locked="0"/>
    </xf>
    <xf numFmtId="0" fontId="16" fillId="2" borderId="48" xfId="0" applyFont="1" applyFill="1" applyBorder="1" applyAlignment="1" applyProtection="1">
      <alignment horizontal="center" vertical="top" wrapText="1"/>
      <protection locked="0"/>
    </xf>
    <xf numFmtId="0" fontId="16" fillId="2" borderId="23" xfId="0" applyFont="1" applyFill="1" applyBorder="1" applyAlignment="1" applyProtection="1">
      <alignment horizontal="center" vertical="top" wrapText="1"/>
      <protection locked="0"/>
    </xf>
    <xf numFmtId="0" fontId="16" fillId="2" borderId="49" xfId="0" applyFont="1" applyFill="1" applyBorder="1" applyAlignment="1" applyProtection="1">
      <alignment horizontal="center" vertical="top" wrapText="1"/>
      <protection locked="0"/>
    </xf>
    <xf numFmtId="0" fontId="16" fillId="2" borderId="50" xfId="0" applyFont="1" applyFill="1" applyBorder="1" applyAlignment="1" applyProtection="1">
      <alignment horizontal="center" vertical="top" wrapText="1"/>
      <protection locked="0"/>
    </xf>
    <xf numFmtId="0" fontId="16" fillId="2" borderId="51" xfId="0" applyFont="1" applyFill="1" applyBorder="1" applyAlignment="1" applyProtection="1">
      <alignment horizontal="center" vertical="center" wrapText="1"/>
      <protection locked="0"/>
    </xf>
    <xf numFmtId="0" fontId="16" fillId="2" borderId="49" xfId="0" applyFont="1" applyFill="1" applyBorder="1" applyAlignment="1" applyProtection="1">
      <alignment horizontal="center" vertical="center" wrapText="1"/>
      <protection locked="0"/>
    </xf>
    <xf numFmtId="0" fontId="16" fillId="2" borderId="52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63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71" xfId="0" applyNumberFormat="1" applyFont="1" applyFill="1" applyBorder="1" applyAlignment="1">
      <alignment horizontal="center" vertical="top" wrapText="1"/>
    </xf>
    <xf numFmtId="49" fontId="19" fillId="3" borderId="80" xfId="0" applyNumberFormat="1" applyFont="1" applyFill="1" applyBorder="1" applyAlignment="1">
      <alignment horizontal="center" vertical="top" wrapText="1"/>
    </xf>
    <xf numFmtId="16" fontId="4" fillId="0" borderId="8" xfId="0" applyNumberFormat="1" applyFont="1" applyFill="1" applyBorder="1" applyAlignment="1">
      <alignment horizontal="center" vertical="center" wrapText="1"/>
    </xf>
    <xf numFmtId="49" fontId="1" fillId="0" borderId="81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49" fontId="1" fillId="0" borderId="83" xfId="0" applyNumberFormat="1" applyFont="1" applyBorder="1" applyAlignment="1">
      <alignment horizontal="center" vertical="center" wrapText="1"/>
    </xf>
    <xf numFmtId="0" fontId="1" fillId="0" borderId="31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 applyAlignment="1">
      <alignment horizontal="left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86" xfId="0" applyFont="1" applyBorder="1" applyAlignment="1" applyProtection="1">
      <alignment horizontal="center" vertical="center" wrapText="1"/>
      <protection locked="0"/>
    </xf>
    <xf numFmtId="0" fontId="16" fillId="2" borderId="48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50" xfId="0" applyFont="1" applyFill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165" fontId="16" fillId="0" borderId="60" xfId="0" applyNumberFormat="1" applyFont="1" applyBorder="1" applyAlignment="1" applyProtection="1">
      <alignment horizontal="right" vertical="center" wrapText="1"/>
      <protection locked="0"/>
    </xf>
    <xf numFmtId="165" fontId="16" fillId="0" borderId="63" xfId="0" applyNumberFormat="1" applyFont="1" applyBorder="1" applyAlignment="1" applyProtection="1">
      <alignment horizontal="right" vertical="center" wrapText="1"/>
      <protection locked="0"/>
    </xf>
    <xf numFmtId="9" fontId="16" fillId="0" borderId="64" xfId="0" applyNumberFormat="1" applyFont="1" applyBorder="1" applyAlignment="1" applyProtection="1">
      <alignment horizontal="center" vertical="center" wrapText="1"/>
      <protection locked="0"/>
    </xf>
    <xf numFmtId="165" fontId="16" fillId="0" borderId="65" xfId="0" applyNumberFormat="1" applyFont="1" applyBorder="1" applyAlignment="1" applyProtection="1">
      <alignment horizontal="right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73" xfId="0" applyNumberFormat="1" applyFont="1" applyBorder="1" applyAlignment="1" applyProtection="1">
      <alignment horizontal="center" vertical="center" wrapText="1"/>
      <protection locked="0"/>
    </xf>
    <xf numFmtId="165" fontId="16" fillId="0" borderId="74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8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87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75" xfId="0" applyNumberFormat="1" applyFont="1" applyFill="1" applyBorder="1" applyAlignment="1">
      <alignment horizontal="left" vertical="top" wrapText="1"/>
    </xf>
    <xf numFmtId="49" fontId="19" fillId="3" borderId="32" xfId="0" applyNumberFormat="1" applyFont="1" applyFill="1" applyBorder="1" applyAlignment="1">
      <alignment horizontal="left" vertical="top" wrapText="1"/>
    </xf>
    <xf numFmtId="49" fontId="19" fillId="3" borderId="78" xfId="0" applyNumberFormat="1" applyFont="1" applyFill="1" applyBorder="1" applyAlignment="1">
      <alignment horizontal="left" vertical="top" wrapText="1"/>
    </xf>
    <xf numFmtId="49" fontId="19" fillId="3" borderId="79" xfId="0" applyNumberFormat="1" applyFont="1" applyFill="1" applyBorder="1" applyAlignment="1">
      <alignment horizontal="left" vertical="top" wrapText="1"/>
    </xf>
    <xf numFmtId="0" fontId="19" fillId="3" borderId="76" xfId="0" applyFont="1" applyFill="1" applyBorder="1" applyAlignment="1">
      <alignment horizontal="center" vertical="top" wrapText="1"/>
    </xf>
    <xf numFmtId="0" fontId="19" fillId="3" borderId="77" xfId="0" applyFont="1" applyFill="1" applyBorder="1" applyAlignment="1">
      <alignment horizontal="center" vertical="top" wrapText="1"/>
    </xf>
    <xf numFmtId="0" fontId="4" fillId="0" borderId="84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7" xfId="0" applyNumberFormat="1" applyFont="1" applyFill="1" applyBorder="1" applyAlignment="1">
      <alignment horizontal="left" vertical="center"/>
    </xf>
    <xf numFmtId="0" fontId="4" fillId="0" borderId="25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28" xfId="0" applyFont="1" applyFill="1" applyBorder="1" applyAlignment="1">
      <alignment horizontal="left" vertical="center" wrapText="1"/>
    </xf>
    <xf numFmtId="0" fontId="4" fillId="0" borderId="29" xfId="0" applyFont="1" applyFill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85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44" xfId="0" applyFont="1" applyBorder="1" applyAlignment="1" applyProtection="1">
      <alignment horizontal="center" vertical="top" wrapText="1"/>
      <protection locked="0"/>
    </xf>
    <xf numFmtId="0" fontId="18" fillId="0" borderId="36" xfId="0" applyFont="1" applyBorder="1" applyAlignment="1" applyProtection="1">
      <alignment horizontal="center" vertical="top" wrapText="1"/>
      <protection locked="0"/>
    </xf>
    <xf numFmtId="0" fontId="18" fillId="0" borderId="45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37" xfId="0" applyNumberFormat="1" applyFont="1" applyBorder="1" applyAlignment="1" applyProtection="1">
      <alignment horizontal="center" vertical="top" wrapText="1"/>
      <protection locked="0"/>
    </xf>
    <xf numFmtId="3" fontId="19" fillId="0" borderId="38" xfId="0" applyNumberFormat="1" applyFont="1" applyBorder="1" applyAlignment="1" applyProtection="1">
      <alignment horizontal="center" vertical="top" wrapText="1"/>
      <protection locked="0"/>
    </xf>
    <xf numFmtId="3" fontId="19" fillId="0" borderId="39" xfId="0" applyNumberFormat="1" applyFont="1" applyBorder="1" applyAlignment="1" applyProtection="1">
      <alignment horizontal="center" vertical="top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40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41" xfId="0" applyFont="1" applyBorder="1" applyAlignment="1" applyProtection="1">
      <alignment horizontal="left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42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43" xfId="0" applyFont="1" applyBorder="1" applyAlignment="1" applyProtection="1">
      <alignment horizontal="center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21" fillId="0" borderId="0" xfId="0" applyFont="1" applyAlignment="1">
      <alignment horizontal="left" vertic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2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6" t="s">
        <v>3</v>
      </c>
      <c r="B1" s="136"/>
      <c r="C1" s="136"/>
      <c r="D1" s="136"/>
      <c r="E1" s="92"/>
    </row>
    <row r="2" spans="1:13" ht="15" customHeight="1" x14ac:dyDescent="0.25">
      <c r="A2" s="137" t="s">
        <v>38</v>
      </c>
      <c r="B2" s="137"/>
      <c r="C2" s="137"/>
      <c r="D2" s="137"/>
      <c r="E2" s="137"/>
      <c r="F2" s="137"/>
      <c r="G2" s="137"/>
    </row>
    <row r="3" spans="1:13" ht="9.9499999999999993" customHeight="1" x14ac:dyDescent="0.25">
      <c r="A3" s="138"/>
      <c r="B3" s="138"/>
      <c r="C3" s="138"/>
      <c r="D3" s="138"/>
      <c r="E3" s="138"/>
      <c r="F3" s="138"/>
    </row>
    <row r="4" spans="1:13" ht="18.75" customHeight="1" x14ac:dyDescent="0.3">
      <c r="A4" s="139" t="s">
        <v>9</v>
      </c>
      <c r="B4" s="139"/>
      <c r="C4" s="139"/>
      <c r="D4" s="139"/>
      <c r="E4" s="139"/>
      <c r="F4" s="139"/>
      <c r="G4" s="139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0" t="s">
        <v>39</v>
      </c>
      <c r="B6" s="141"/>
      <c r="C6" s="141"/>
      <c r="D6" s="141"/>
      <c r="E6" s="141"/>
      <c r="F6" s="144" t="s">
        <v>40</v>
      </c>
      <c r="G6" s="145"/>
    </row>
    <row r="7" spans="1:13" s="3" customFormat="1" ht="53.25" customHeight="1" thickBot="1" x14ac:dyDescent="0.3">
      <c r="A7" s="142"/>
      <c r="B7" s="143"/>
      <c r="C7" s="143"/>
      <c r="D7" s="143"/>
      <c r="E7" s="143"/>
      <c r="F7" s="96" t="s">
        <v>41</v>
      </c>
      <c r="G7" s="97" t="s">
        <v>42</v>
      </c>
    </row>
    <row r="8" spans="1:13" s="2" customFormat="1" ht="27.75" customHeight="1" x14ac:dyDescent="0.25">
      <c r="A8" s="148" t="s">
        <v>43</v>
      </c>
      <c r="B8" s="149"/>
      <c r="C8" s="149"/>
      <c r="D8" s="149"/>
      <c r="E8" s="149"/>
      <c r="F8" s="149"/>
      <c r="G8" s="150"/>
    </row>
    <row r="9" spans="1:13" s="2" customFormat="1" ht="22.5" customHeight="1" x14ac:dyDescent="0.25">
      <c r="A9" s="98">
        <v>43466</v>
      </c>
      <c r="B9" s="151" t="s">
        <v>44</v>
      </c>
      <c r="C9" s="152"/>
      <c r="D9" s="152"/>
      <c r="E9" s="152"/>
      <c r="F9" s="99"/>
      <c r="G9" s="100"/>
    </row>
    <row r="10" spans="1:13" s="2" customFormat="1" ht="22.5" customHeight="1" x14ac:dyDescent="0.25">
      <c r="A10" s="98">
        <v>43497</v>
      </c>
      <c r="B10" s="153" t="s">
        <v>45</v>
      </c>
      <c r="C10" s="154"/>
      <c r="D10" s="154"/>
      <c r="E10" s="154"/>
      <c r="F10" s="101"/>
      <c r="G10" s="102"/>
    </row>
    <row r="11" spans="1:13" s="2" customFormat="1" ht="21.75" customHeight="1" x14ac:dyDescent="0.25">
      <c r="A11" s="98">
        <v>43525</v>
      </c>
      <c r="B11" s="155" t="s">
        <v>46</v>
      </c>
      <c r="C11" s="156"/>
      <c r="D11" s="156"/>
      <c r="E11" s="156"/>
      <c r="F11" s="101"/>
      <c r="G11" s="102"/>
    </row>
    <row r="12" spans="1:13" s="2" customFormat="1" ht="23.25" customHeight="1" x14ac:dyDescent="0.25">
      <c r="A12" s="98">
        <v>43556</v>
      </c>
      <c r="B12" s="155" t="s">
        <v>47</v>
      </c>
      <c r="C12" s="156"/>
      <c r="D12" s="156"/>
      <c r="E12" s="156"/>
      <c r="F12" s="101"/>
      <c r="G12" s="102"/>
    </row>
    <row r="13" spans="1:13" s="2" customFormat="1" ht="23.25" customHeight="1" x14ac:dyDescent="0.25">
      <c r="A13" s="98">
        <v>43586</v>
      </c>
      <c r="B13" s="157" t="s">
        <v>48</v>
      </c>
      <c r="C13" s="158"/>
      <c r="D13" s="158"/>
      <c r="E13" s="158"/>
      <c r="F13" s="101"/>
      <c r="G13" s="102"/>
    </row>
    <row r="14" spans="1:13" s="2" customFormat="1" ht="24.75" customHeight="1" x14ac:dyDescent="0.25">
      <c r="A14" s="98">
        <v>43617</v>
      </c>
      <c r="B14" s="155" t="s">
        <v>49</v>
      </c>
      <c r="C14" s="156"/>
      <c r="D14" s="156"/>
      <c r="E14" s="156"/>
      <c r="F14" s="101"/>
      <c r="G14" s="102"/>
    </row>
    <row r="15" spans="1:13" s="2" customFormat="1" ht="24.75" customHeight="1" x14ac:dyDescent="0.25">
      <c r="A15" s="98">
        <v>43647</v>
      </c>
      <c r="B15" s="155" t="s">
        <v>50</v>
      </c>
      <c r="C15" s="156"/>
      <c r="D15" s="156"/>
      <c r="E15" s="156"/>
      <c r="F15" s="101"/>
      <c r="G15" s="102"/>
    </row>
    <row r="16" spans="1:13" s="2" customFormat="1" ht="25.5" customHeight="1" x14ac:dyDescent="0.25">
      <c r="A16" s="98">
        <v>43678</v>
      </c>
      <c r="B16" s="155" t="s">
        <v>51</v>
      </c>
      <c r="C16" s="156"/>
      <c r="D16" s="156"/>
      <c r="E16" s="156"/>
      <c r="F16" s="103"/>
      <c r="G16" s="104"/>
    </row>
    <row r="17" spans="1:7" s="2" customFormat="1" ht="27.75" customHeight="1" x14ac:dyDescent="0.25">
      <c r="A17" s="148" t="s">
        <v>52</v>
      </c>
      <c r="B17" s="149"/>
      <c r="C17" s="149"/>
      <c r="D17" s="149"/>
      <c r="E17" s="149"/>
      <c r="F17" s="149"/>
      <c r="G17" s="150"/>
    </row>
    <row r="18" spans="1:7" s="2" customFormat="1" ht="27.75" customHeight="1" x14ac:dyDescent="0.25">
      <c r="A18" s="98">
        <v>43467</v>
      </c>
      <c r="B18" s="151" t="s">
        <v>53</v>
      </c>
      <c r="C18" s="152"/>
      <c r="D18" s="152"/>
      <c r="E18" s="152"/>
      <c r="F18" s="99"/>
      <c r="G18" s="100"/>
    </row>
    <row r="19" spans="1:7" s="2" customFormat="1" ht="27.75" customHeight="1" x14ac:dyDescent="0.25">
      <c r="A19" s="98">
        <v>43498</v>
      </c>
      <c r="B19" s="146" t="s">
        <v>54</v>
      </c>
      <c r="C19" s="147"/>
      <c r="D19" s="147"/>
      <c r="E19" s="147"/>
      <c r="F19" s="101"/>
      <c r="G19" s="102"/>
    </row>
    <row r="20" spans="1:7" s="2" customFormat="1" ht="27.75" customHeight="1" x14ac:dyDescent="0.25">
      <c r="A20" s="98">
        <v>43526</v>
      </c>
      <c r="B20" s="153" t="s">
        <v>55</v>
      </c>
      <c r="C20" s="154"/>
      <c r="D20" s="154"/>
      <c r="E20" s="154"/>
      <c r="F20" s="101"/>
      <c r="G20" s="102"/>
    </row>
    <row r="21" spans="1:7" s="2" customFormat="1" ht="27.75" customHeight="1" x14ac:dyDescent="0.25">
      <c r="A21" s="98">
        <v>43557</v>
      </c>
      <c r="B21" s="155" t="s">
        <v>56</v>
      </c>
      <c r="C21" s="156"/>
      <c r="D21" s="156"/>
      <c r="E21" s="156"/>
      <c r="F21" s="101"/>
      <c r="G21" s="102"/>
    </row>
    <row r="22" spans="1:7" s="2" customFormat="1" ht="27.75" customHeight="1" x14ac:dyDescent="0.25">
      <c r="A22" s="98">
        <v>43587</v>
      </c>
      <c r="B22" s="157" t="s">
        <v>47</v>
      </c>
      <c r="C22" s="158"/>
      <c r="D22" s="158"/>
      <c r="E22" s="158"/>
      <c r="F22" s="101"/>
      <c r="G22" s="102"/>
    </row>
    <row r="23" spans="1:7" s="2" customFormat="1" ht="27.75" customHeight="1" x14ac:dyDescent="0.25">
      <c r="A23" s="98">
        <v>43618</v>
      </c>
      <c r="B23" s="155" t="s">
        <v>57</v>
      </c>
      <c r="C23" s="156"/>
      <c r="D23" s="156"/>
      <c r="E23" s="156"/>
      <c r="F23" s="103"/>
      <c r="G23" s="104"/>
    </row>
    <row r="24" spans="1:7" s="2" customFormat="1" ht="27.75" customHeight="1" x14ac:dyDescent="0.25">
      <c r="A24" s="148" t="s">
        <v>58</v>
      </c>
      <c r="B24" s="149"/>
      <c r="C24" s="149"/>
      <c r="D24" s="149"/>
      <c r="E24" s="149"/>
      <c r="F24" s="149"/>
      <c r="G24" s="150"/>
    </row>
    <row r="25" spans="1:7" s="2" customFormat="1" ht="27.75" customHeight="1" x14ac:dyDescent="0.25">
      <c r="A25" s="98">
        <v>43468</v>
      </c>
      <c r="B25" s="151" t="s">
        <v>59</v>
      </c>
      <c r="C25" s="152"/>
      <c r="D25" s="152"/>
      <c r="E25" s="152"/>
      <c r="F25" s="99"/>
      <c r="G25" s="100"/>
    </row>
    <row r="26" spans="1:7" s="2" customFormat="1" ht="27.75" customHeight="1" x14ac:dyDescent="0.25">
      <c r="A26" s="98">
        <v>43499</v>
      </c>
      <c r="B26" s="153" t="s">
        <v>54</v>
      </c>
      <c r="C26" s="154"/>
      <c r="D26" s="154"/>
      <c r="E26" s="154"/>
      <c r="F26" s="101"/>
      <c r="G26" s="102"/>
    </row>
    <row r="27" spans="1:7" s="2" customFormat="1" ht="27.75" customHeight="1" x14ac:dyDescent="0.25">
      <c r="A27" s="98">
        <v>43527</v>
      </c>
      <c r="B27" s="155" t="s">
        <v>60</v>
      </c>
      <c r="C27" s="156"/>
      <c r="D27" s="156"/>
      <c r="E27" s="156"/>
      <c r="F27" s="101"/>
      <c r="G27" s="102"/>
    </row>
    <row r="28" spans="1:7" s="2" customFormat="1" ht="27.75" customHeight="1" x14ac:dyDescent="0.25">
      <c r="A28" s="98">
        <v>43558</v>
      </c>
      <c r="B28" s="155" t="s">
        <v>56</v>
      </c>
      <c r="C28" s="156"/>
      <c r="D28" s="156"/>
      <c r="E28" s="156"/>
      <c r="F28" s="101"/>
      <c r="G28" s="102"/>
    </row>
    <row r="29" spans="1:7" s="2" customFormat="1" ht="27.75" customHeight="1" x14ac:dyDescent="0.25">
      <c r="A29" s="98">
        <v>43588</v>
      </c>
      <c r="B29" s="157" t="s">
        <v>47</v>
      </c>
      <c r="C29" s="158"/>
      <c r="D29" s="158"/>
      <c r="E29" s="158"/>
      <c r="F29" s="101"/>
      <c r="G29" s="102"/>
    </row>
    <row r="30" spans="1:7" s="2" customFormat="1" ht="27.75" customHeight="1" x14ac:dyDescent="0.25">
      <c r="A30" s="98">
        <v>43619</v>
      </c>
      <c r="B30" s="155" t="s">
        <v>57</v>
      </c>
      <c r="C30" s="156"/>
      <c r="D30" s="156"/>
      <c r="E30" s="156"/>
      <c r="F30" s="103"/>
      <c r="G30" s="104"/>
    </row>
    <row r="31" spans="1:7" s="2" customFormat="1" ht="27.75" customHeight="1" x14ac:dyDescent="0.25">
      <c r="A31" s="148" t="s">
        <v>61</v>
      </c>
      <c r="B31" s="149"/>
      <c r="C31" s="149"/>
      <c r="D31" s="149"/>
      <c r="E31" s="149"/>
      <c r="F31" s="149"/>
      <c r="G31" s="150"/>
    </row>
    <row r="32" spans="1:7" s="2" customFormat="1" ht="27.75" customHeight="1" x14ac:dyDescent="0.25">
      <c r="A32" s="98">
        <v>43469</v>
      </c>
      <c r="B32" s="151" t="s">
        <v>62</v>
      </c>
      <c r="C32" s="152"/>
      <c r="D32" s="152"/>
      <c r="E32" s="152"/>
      <c r="F32" s="99"/>
      <c r="G32" s="100"/>
    </row>
    <row r="33" spans="1:7" s="2" customFormat="1" ht="27.75" customHeight="1" x14ac:dyDescent="0.25">
      <c r="A33" s="98">
        <v>43500</v>
      </c>
      <c r="B33" s="153" t="s">
        <v>54</v>
      </c>
      <c r="C33" s="154"/>
      <c r="D33" s="154"/>
      <c r="E33" s="154"/>
      <c r="F33" s="101"/>
      <c r="G33" s="102"/>
    </row>
    <row r="34" spans="1:7" s="2" customFormat="1" ht="27.75" customHeight="1" x14ac:dyDescent="0.25">
      <c r="A34" s="98">
        <v>43528</v>
      </c>
      <c r="B34" s="155" t="s">
        <v>60</v>
      </c>
      <c r="C34" s="156"/>
      <c r="D34" s="156"/>
      <c r="E34" s="156"/>
      <c r="F34" s="101"/>
      <c r="G34" s="102"/>
    </row>
    <row r="35" spans="1:7" s="2" customFormat="1" ht="27.75" customHeight="1" x14ac:dyDescent="0.25">
      <c r="A35" s="98">
        <v>43559</v>
      </c>
      <c r="B35" s="155" t="s">
        <v>56</v>
      </c>
      <c r="C35" s="156"/>
      <c r="D35" s="156"/>
      <c r="E35" s="156"/>
      <c r="F35" s="101"/>
      <c r="G35" s="102"/>
    </row>
    <row r="36" spans="1:7" s="2" customFormat="1" ht="27.75" customHeight="1" x14ac:dyDescent="0.25">
      <c r="A36" s="98">
        <v>43589</v>
      </c>
      <c r="B36" s="157" t="s">
        <v>47</v>
      </c>
      <c r="C36" s="158"/>
      <c r="D36" s="158"/>
      <c r="E36" s="158"/>
      <c r="F36" s="101"/>
      <c r="G36" s="102"/>
    </row>
    <row r="37" spans="1:7" s="2" customFormat="1" ht="27.75" customHeight="1" x14ac:dyDescent="0.25">
      <c r="A37" s="98">
        <v>43620</v>
      </c>
      <c r="B37" s="155" t="s">
        <v>57</v>
      </c>
      <c r="C37" s="156"/>
      <c r="D37" s="156"/>
      <c r="E37" s="156"/>
      <c r="F37" s="103"/>
      <c r="G37" s="104"/>
    </row>
    <row r="38" spans="1:7" s="2" customFormat="1" ht="27.75" customHeight="1" x14ac:dyDescent="0.25">
      <c r="A38" s="148" t="s">
        <v>63</v>
      </c>
      <c r="B38" s="149"/>
      <c r="C38" s="149"/>
      <c r="D38" s="149"/>
      <c r="E38" s="149"/>
      <c r="F38" s="149"/>
      <c r="G38" s="150"/>
    </row>
    <row r="39" spans="1:7" s="2" customFormat="1" ht="27.75" customHeight="1" x14ac:dyDescent="0.25">
      <c r="A39" s="98">
        <v>43470</v>
      </c>
      <c r="B39" s="151" t="s">
        <v>64</v>
      </c>
      <c r="C39" s="152"/>
      <c r="D39" s="152"/>
      <c r="E39" s="152"/>
      <c r="F39" s="99"/>
      <c r="G39" s="100"/>
    </row>
    <row r="40" spans="1:7" s="2" customFormat="1" ht="27.75" customHeight="1" x14ac:dyDescent="0.25">
      <c r="A40" s="98">
        <v>43501</v>
      </c>
      <c r="B40" s="155" t="s">
        <v>54</v>
      </c>
      <c r="C40" s="156"/>
      <c r="D40" s="156"/>
      <c r="E40" s="156"/>
      <c r="F40" s="101"/>
      <c r="G40" s="102"/>
    </row>
    <row r="41" spans="1:7" s="2" customFormat="1" ht="27.75" customHeight="1" x14ac:dyDescent="0.25">
      <c r="A41" s="98">
        <v>43529</v>
      </c>
      <c r="B41" s="155" t="s">
        <v>65</v>
      </c>
      <c r="C41" s="156"/>
      <c r="D41" s="156"/>
      <c r="E41" s="156"/>
      <c r="F41" s="101"/>
      <c r="G41" s="102"/>
    </row>
    <row r="42" spans="1:7" s="2" customFormat="1" ht="27.75" customHeight="1" x14ac:dyDescent="0.25">
      <c r="A42" s="98">
        <v>43560</v>
      </c>
      <c r="B42" s="155" t="s">
        <v>56</v>
      </c>
      <c r="C42" s="156"/>
      <c r="D42" s="156"/>
      <c r="E42" s="156"/>
      <c r="F42" s="101"/>
      <c r="G42" s="102"/>
    </row>
    <row r="43" spans="1:7" s="2" customFormat="1" ht="27.75" customHeight="1" x14ac:dyDescent="0.25">
      <c r="A43" s="98">
        <v>43590</v>
      </c>
      <c r="B43" s="157" t="s">
        <v>47</v>
      </c>
      <c r="C43" s="158"/>
      <c r="D43" s="158"/>
      <c r="E43" s="158"/>
      <c r="F43" s="101"/>
      <c r="G43" s="102"/>
    </row>
    <row r="44" spans="1:7" s="2" customFormat="1" ht="27.75" customHeight="1" x14ac:dyDescent="0.25">
      <c r="A44" s="98">
        <v>43621</v>
      </c>
      <c r="B44" s="155" t="s">
        <v>57</v>
      </c>
      <c r="C44" s="156"/>
      <c r="D44" s="156"/>
      <c r="E44" s="156"/>
      <c r="F44" s="103"/>
      <c r="G44" s="104"/>
    </row>
    <row r="45" spans="1:7" s="105" customFormat="1" ht="28.35" customHeight="1" x14ac:dyDescent="0.25">
      <c r="A45" s="161" t="s">
        <v>66</v>
      </c>
      <c r="B45" s="161"/>
      <c r="C45" s="161"/>
      <c r="D45" s="161"/>
      <c r="E45" s="161"/>
      <c r="F45" s="161"/>
      <c r="G45" s="161"/>
    </row>
    <row r="46" spans="1:7" ht="30" customHeight="1" x14ac:dyDescent="0.25">
      <c r="A46" s="159" t="s">
        <v>67</v>
      </c>
      <c r="B46" s="159"/>
      <c r="C46" s="159"/>
      <c r="D46" s="159"/>
      <c r="E46" s="162"/>
      <c r="F46" s="162"/>
    </row>
    <row r="47" spans="1:7" ht="15" customHeight="1" x14ac:dyDescent="0.25">
      <c r="A47" s="159" t="s">
        <v>68</v>
      </c>
      <c r="B47" s="159"/>
      <c r="C47" s="159"/>
      <c r="D47" s="159"/>
      <c r="E47" s="162"/>
      <c r="F47" s="162"/>
    </row>
    <row r="48" spans="1:7" x14ac:dyDescent="0.25">
      <c r="A48" s="159" t="s">
        <v>69</v>
      </c>
      <c r="B48" s="159"/>
      <c r="C48" s="159"/>
      <c r="D48" s="159"/>
      <c r="E48" s="162"/>
      <c r="F48" s="162"/>
    </row>
    <row r="49" spans="1:8" x14ac:dyDescent="0.25">
      <c r="A49" s="159" t="s">
        <v>70</v>
      </c>
      <c r="B49" s="159"/>
      <c r="C49" s="159"/>
      <c r="D49" s="159"/>
      <c r="E49" s="162"/>
      <c r="F49" s="162"/>
    </row>
    <row r="50" spans="1:8" s="106" customFormat="1" ht="30" customHeight="1" x14ac:dyDescent="0.25">
      <c r="A50" s="163" t="s">
        <v>71</v>
      </c>
      <c r="B50" s="163"/>
      <c r="C50" s="163"/>
      <c r="D50" s="163"/>
      <c r="E50" s="163"/>
      <c r="F50" s="163"/>
      <c r="G50" s="163"/>
    </row>
    <row r="51" spans="1:8" s="3" customFormat="1" ht="15.75" customHeight="1" x14ac:dyDescent="0.25">
      <c r="A51" s="159" t="s">
        <v>72</v>
      </c>
      <c r="B51" s="159"/>
      <c r="C51" s="159"/>
      <c r="D51" s="159"/>
      <c r="E51" s="160"/>
      <c r="F51" s="160"/>
      <c r="H51" s="107"/>
    </row>
    <row r="52" spans="1:8" s="3" customFormat="1" x14ac:dyDescent="0.25">
      <c r="A52" s="164" t="s">
        <v>73</v>
      </c>
      <c r="B52" s="164"/>
      <c r="C52" s="164"/>
      <c r="D52" s="164"/>
      <c r="E52" s="160"/>
      <c r="F52" s="160"/>
      <c r="H52" s="106"/>
    </row>
    <row r="53" spans="1:8" s="3" customFormat="1" x14ac:dyDescent="0.25">
      <c r="A53" s="159" t="s">
        <v>74</v>
      </c>
      <c r="B53" s="159"/>
      <c r="C53" s="159"/>
      <c r="D53" s="159"/>
      <c r="E53" s="160"/>
      <c r="F53" s="160"/>
      <c r="H53" s="106"/>
    </row>
    <row r="54" spans="1:8" s="3" customFormat="1" x14ac:dyDescent="0.25">
      <c r="A54" s="159" t="s">
        <v>75</v>
      </c>
      <c r="B54" s="159"/>
      <c r="C54" s="159"/>
      <c r="D54" s="159"/>
      <c r="E54" s="160"/>
      <c r="F54" s="160"/>
      <c r="H54" s="106"/>
    </row>
    <row r="56" spans="1:8" ht="15" customHeight="1" x14ac:dyDescent="0.25">
      <c r="A56" s="1" t="s">
        <v>0</v>
      </c>
      <c r="B56" s="136"/>
      <c r="C56" s="136"/>
      <c r="D56" s="136"/>
    </row>
    <row r="57" spans="1:8" ht="15" customHeight="1" x14ac:dyDescent="0.25">
      <c r="A57" s="1" t="s">
        <v>1</v>
      </c>
      <c r="B57" s="165"/>
      <c r="C57" s="165"/>
      <c r="D57" s="165"/>
      <c r="E57" s="108" t="s">
        <v>76</v>
      </c>
      <c r="G57" s="109"/>
    </row>
    <row r="58" spans="1:8" x14ac:dyDescent="0.25">
      <c r="E58" s="108" t="s">
        <v>77</v>
      </c>
      <c r="F58" s="166"/>
      <c r="G58" s="166"/>
    </row>
    <row r="59" spans="1:8" x14ac:dyDescent="0.25">
      <c r="F59" s="108"/>
    </row>
    <row r="60" spans="1:8" ht="9.75" customHeight="1" x14ac:dyDescent="0.25">
      <c r="F60" s="108"/>
    </row>
    <row r="61" spans="1:8" s="111" customFormat="1" ht="11.25" x14ac:dyDescent="0.2">
      <c r="A61" s="167" t="s">
        <v>2</v>
      </c>
      <c r="B61" s="167"/>
      <c r="C61" s="167"/>
      <c r="D61" s="167"/>
      <c r="E61" s="110"/>
    </row>
    <row r="62" spans="1:8" s="113" customFormat="1" ht="15" customHeight="1" x14ac:dyDescent="0.2">
      <c r="A62" s="112"/>
      <c r="B62" s="168" t="s">
        <v>4</v>
      </c>
      <c r="C62" s="168"/>
      <c r="D62" s="168"/>
      <c r="G62" s="114"/>
      <c r="H62" s="115"/>
    </row>
  </sheetData>
  <mergeCells count="66">
    <mergeCell ref="B56:D56"/>
    <mergeCell ref="B57:D57"/>
    <mergeCell ref="F58:G58"/>
    <mergeCell ref="A61:D61"/>
    <mergeCell ref="B62:D62"/>
    <mergeCell ref="A52:D52"/>
    <mergeCell ref="E52:F52"/>
    <mergeCell ref="A53:D53"/>
    <mergeCell ref="E53:F53"/>
    <mergeCell ref="A54:D54"/>
    <mergeCell ref="E54:F54"/>
    <mergeCell ref="A51:D51"/>
    <mergeCell ref="E51:F51"/>
    <mergeCell ref="B44:E44"/>
    <mergeCell ref="A45:G45"/>
    <mergeCell ref="A46:D46"/>
    <mergeCell ref="E46:F46"/>
    <mergeCell ref="A47:D47"/>
    <mergeCell ref="E47:F47"/>
    <mergeCell ref="A48:D48"/>
    <mergeCell ref="E48:F48"/>
    <mergeCell ref="A49:D49"/>
    <mergeCell ref="E49:F49"/>
    <mergeCell ref="A50:G50"/>
    <mergeCell ref="B43:E43"/>
    <mergeCell ref="B32:E32"/>
    <mergeCell ref="B33:E33"/>
    <mergeCell ref="B34:E34"/>
    <mergeCell ref="B35:E35"/>
    <mergeCell ref="B36:E36"/>
    <mergeCell ref="B37:E37"/>
    <mergeCell ref="A38:G38"/>
    <mergeCell ref="B39:E39"/>
    <mergeCell ref="B40:E40"/>
    <mergeCell ref="B41:E41"/>
    <mergeCell ref="B42:E42"/>
    <mergeCell ref="A31:G31"/>
    <mergeCell ref="B20:E20"/>
    <mergeCell ref="B21:E21"/>
    <mergeCell ref="B22:E22"/>
    <mergeCell ref="B23:E23"/>
    <mergeCell ref="A24:G24"/>
    <mergeCell ref="B25:E25"/>
    <mergeCell ref="B26:E26"/>
    <mergeCell ref="B27:E27"/>
    <mergeCell ref="B28:E28"/>
    <mergeCell ref="B29:E29"/>
    <mergeCell ref="B30:E30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A17:G17"/>
    <mergeCell ref="B18:E18"/>
    <mergeCell ref="A1:D1"/>
    <mergeCell ref="A2:G2"/>
    <mergeCell ref="A3:F3"/>
    <mergeCell ref="A4:G4"/>
    <mergeCell ref="A6:E7"/>
    <mergeCell ref="F6:G6"/>
  </mergeCells>
  <conditionalFormatting sqref="E46:F49">
    <cfRule type="containsBlanks" dxfId="12" priority="9">
      <formula>LEN(TRIM(E46))=0</formula>
    </cfRule>
  </conditionalFormatting>
  <conditionalFormatting sqref="E46:F49">
    <cfRule type="containsBlanks" dxfId="11" priority="8">
      <formula>LEN(TRIM(E46))=0</formula>
    </cfRule>
  </conditionalFormatting>
  <conditionalFormatting sqref="B56:D57">
    <cfRule type="containsBlanks" dxfId="10" priority="7">
      <formula>LEN(TRIM(B56))=0</formula>
    </cfRule>
  </conditionalFormatting>
  <conditionalFormatting sqref="E51:F54">
    <cfRule type="containsBlanks" dxfId="9" priority="6">
      <formula>LEN(TRIM(E51))=0</formula>
    </cfRule>
  </conditionalFormatting>
  <conditionalFormatting sqref="E52:F54">
    <cfRule type="containsBlanks" dxfId="8" priority="5">
      <formula>LEN(TRIM(E52))=0</formula>
    </cfRule>
  </conditionalFormatting>
  <conditionalFormatting sqref="E51:F54">
    <cfRule type="containsBlanks" dxfId="7" priority="4">
      <formula>LEN(TRIM(E51))=0</formula>
    </cfRule>
  </conditionalFormatting>
  <conditionalFormatting sqref="A62">
    <cfRule type="containsBlanks" dxfId="6" priority="3">
      <formula>LEN(TRIM(A62))=0</formula>
    </cfRule>
  </conditionalFormatting>
  <conditionalFormatting sqref="F58:G58">
    <cfRule type="containsBlanks" dxfId="5" priority="1">
      <formula>LEN(TRIM(F58))=0</formula>
    </cfRule>
  </conditionalFormatting>
  <conditionalFormatting sqref="F58:G58">
    <cfRule type="containsBlanks" dxfId="4" priority="2">
      <formula>LEN(TRIM(F58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 &amp;"Times New Roman,Normálne"
Špecifikácia predmetu zákazky</oddHeader>
  </headerFooter>
  <rowBreaks count="1" manualBreakCount="1">
    <brk id="30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4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90" customWidth="1"/>
    <col min="2" max="3" width="25.7109375" style="90" customWidth="1"/>
    <col min="4" max="7" width="12.7109375" style="90" customWidth="1"/>
    <col min="8" max="8" width="8.7109375" style="90" customWidth="1"/>
    <col min="9" max="9" width="12.7109375" style="90" customWidth="1"/>
    <col min="10" max="10" width="10.5703125" style="90" customWidth="1"/>
    <col min="11" max="11" width="12.7109375" style="90" customWidth="1"/>
    <col min="12" max="12" width="17.5703125" style="90" customWidth="1"/>
    <col min="13" max="71" width="9.140625" style="91"/>
    <col min="72" max="16384" width="9.140625" style="90"/>
  </cols>
  <sheetData>
    <row r="1" spans="1:71" s="44" customFormat="1" ht="15" customHeight="1" x14ac:dyDescent="0.25">
      <c r="A1" s="169" t="s">
        <v>3</v>
      </c>
      <c r="B1" s="169"/>
      <c r="C1" s="93"/>
      <c r="D1" s="93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70" t="s">
        <v>38</v>
      </c>
      <c r="B2" s="170"/>
      <c r="C2" s="170"/>
      <c r="D2" s="170"/>
      <c r="E2" s="170"/>
      <c r="F2" s="170"/>
      <c r="G2" s="170"/>
      <c r="H2" s="170"/>
      <c r="I2" s="170"/>
      <c r="J2" s="170"/>
      <c r="K2" s="170"/>
      <c r="L2" s="170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6" customFormat="1" ht="15" customHeight="1" x14ac:dyDescent="0.25">
      <c r="A3" s="171"/>
      <c r="B3" s="171"/>
      <c r="C3" s="171"/>
      <c r="D3" s="171"/>
      <c r="E3" s="171"/>
      <c r="F3" s="94"/>
      <c r="G3" s="94"/>
      <c r="H3" s="94"/>
    </row>
    <row r="4" spans="1:71" s="48" customFormat="1" ht="30" customHeight="1" x14ac:dyDescent="0.25">
      <c r="A4" s="172" t="s">
        <v>23</v>
      </c>
      <c r="B4" s="172"/>
      <c r="C4" s="172"/>
      <c r="D4" s="172"/>
      <c r="E4" s="172"/>
      <c r="F4" s="172"/>
      <c r="G4" s="172"/>
      <c r="H4" s="172"/>
      <c r="I4" s="172"/>
      <c r="J4" s="172"/>
      <c r="K4" s="172"/>
      <c r="L4" s="44"/>
      <c r="M4" s="47"/>
      <c r="N4" s="47"/>
      <c r="O4" s="47"/>
      <c r="P4" s="47"/>
      <c r="Q4" s="47"/>
      <c r="R4" s="47"/>
      <c r="S4" s="47"/>
      <c r="T4" s="47"/>
      <c r="U4" s="47"/>
      <c r="V4" s="47"/>
      <c r="W4" s="47"/>
      <c r="X4" s="47"/>
      <c r="Y4" s="47"/>
      <c r="Z4" s="47"/>
      <c r="AA4" s="47"/>
      <c r="AB4" s="47"/>
      <c r="AC4" s="47"/>
      <c r="AD4" s="47"/>
      <c r="AE4" s="47"/>
      <c r="AF4" s="47"/>
      <c r="AG4" s="47"/>
      <c r="AH4" s="47"/>
      <c r="AI4" s="47"/>
      <c r="AJ4" s="47"/>
      <c r="AK4" s="47"/>
      <c r="AL4" s="47"/>
      <c r="AM4" s="47"/>
      <c r="AN4" s="47"/>
      <c r="AO4" s="47"/>
      <c r="AP4" s="47"/>
      <c r="AQ4" s="47"/>
      <c r="AR4" s="47"/>
      <c r="AS4" s="47"/>
      <c r="AT4" s="47"/>
      <c r="AU4" s="47"/>
      <c r="AV4" s="47"/>
      <c r="AW4" s="47"/>
      <c r="AX4" s="47"/>
      <c r="AY4" s="47"/>
      <c r="AZ4" s="47"/>
      <c r="BA4" s="47"/>
      <c r="BB4" s="47"/>
      <c r="BC4" s="47"/>
      <c r="BD4" s="47"/>
      <c r="BE4" s="47"/>
      <c r="BF4" s="47"/>
      <c r="BG4" s="47"/>
      <c r="BH4" s="47"/>
      <c r="BI4" s="47"/>
      <c r="BJ4" s="47"/>
      <c r="BK4" s="47"/>
      <c r="BL4" s="47"/>
      <c r="BM4" s="47"/>
      <c r="BN4" s="47"/>
      <c r="BO4" s="47"/>
      <c r="BP4" s="47"/>
      <c r="BQ4" s="47"/>
      <c r="BR4" s="47"/>
      <c r="BS4" s="47"/>
    </row>
    <row r="5" spans="1:71" s="49" customFormat="1" ht="30" customHeight="1" thickBot="1" x14ac:dyDescent="0.3">
      <c r="A5" s="173" t="s">
        <v>78</v>
      </c>
      <c r="B5" s="173"/>
      <c r="C5" s="173"/>
      <c r="D5" s="173"/>
      <c r="E5" s="173"/>
      <c r="F5" s="173"/>
      <c r="G5" s="173"/>
      <c r="H5" s="173"/>
      <c r="I5" s="173"/>
      <c r="J5" s="173"/>
      <c r="K5" s="173"/>
    </row>
    <row r="6" spans="1:71" s="50" customFormat="1" ht="15" customHeight="1" x14ac:dyDescent="0.25">
      <c r="A6" s="183" t="s">
        <v>24</v>
      </c>
      <c r="B6" s="185" t="s">
        <v>25</v>
      </c>
      <c r="C6" s="187" t="s">
        <v>26</v>
      </c>
      <c r="D6" s="189" t="s">
        <v>27</v>
      </c>
      <c r="E6" s="191" t="s">
        <v>28</v>
      </c>
      <c r="F6" s="174" t="s">
        <v>29</v>
      </c>
      <c r="G6" s="176" t="s">
        <v>30</v>
      </c>
      <c r="H6" s="178" t="s">
        <v>31</v>
      </c>
      <c r="I6" s="180" t="s">
        <v>32</v>
      </c>
      <c r="J6" s="181"/>
      <c r="K6" s="182"/>
    </row>
    <row r="7" spans="1:71" s="50" customFormat="1" ht="65.099999999999994" customHeight="1" x14ac:dyDescent="0.25">
      <c r="A7" s="184"/>
      <c r="B7" s="186"/>
      <c r="C7" s="188"/>
      <c r="D7" s="190"/>
      <c r="E7" s="192"/>
      <c r="F7" s="175"/>
      <c r="G7" s="177"/>
      <c r="H7" s="179"/>
      <c r="I7" s="116" t="s">
        <v>33</v>
      </c>
      <c r="J7" s="51" t="s">
        <v>34</v>
      </c>
      <c r="K7" s="52" t="s">
        <v>35</v>
      </c>
    </row>
    <row r="8" spans="1:71" s="61" customFormat="1" ht="12" customHeight="1" x14ac:dyDescent="0.25">
      <c r="A8" s="117" t="s">
        <v>5</v>
      </c>
      <c r="B8" s="118" t="s">
        <v>6</v>
      </c>
      <c r="C8" s="118" t="s">
        <v>7</v>
      </c>
      <c r="D8" s="58" t="s">
        <v>8</v>
      </c>
      <c r="E8" s="119" t="s">
        <v>10</v>
      </c>
      <c r="F8" s="58" t="s">
        <v>11</v>
      </c>
      <c r="G8" s="119" t="s">
        <v>12</v>
      </c>
      <c r="H8" s="57" t="s">
        <v>13</v>
      </c>
      <c r="I8" s="58" t="s">
        <v>14</v>
      </c>
      <c r="J8" s="59" t="s">
        <v>36</v>
      </c>
      <c r="K8" s="60" t="s">
        <v>37</v>
      </c>
    </row>
    <row r="9" spans="1:71" s="61" customFormat="1" ht="24.95" customHeight="1" x14ac:dyDescent="0.25">
      <c r="A9" s="62"/>
      <c r="B9" s="63"/>
      <c r="C9" s="64"/>
      <c r="D9" s="65"/>
      <c r="E9" s="66"/>
      <c r="F9" s="67"/>
      <c r="G9" s="68"/>
      <c r="H9" s="69"/>
      <c r="I9" s="120"/>
      <c r="J9" s="121"/>
      <c r="K9" s="122"/>
    </row>
    <row r="10" spans="1:71" s="61" customFormat="1" ht="24.95" customHeight="1" x14ac:dyDescent="0.25">
      <c r="A10" s="70"/>
      <c r="B10" s="71"/>
      <c r="C10" s="72"/>
      <c r="D10" s="73"/>
      <c r="E10" s="74"/>
      <c r="F10" s="75"/>
      <c r="G10" s="76"/>
      <c r="H10" s="77"/>
      <c r="I10" s="123"/>
      <c r="J10" s="124"/>
      <c r="K10" s="125"/>
    </row>
    <row r="11" spans="1:71" s="61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85"/>
      <c r="I11" s="126"/>
      <c r="J11" s="127"/>
      <c r="K11" s="128"/>
    </row>
    <row r="12" spans="1:71" s="61" customFormat="1" ht="12" customHeight="1" x14ac:dyDescent="0.25">
      <c r="A12" s="86"/>
      <c r="B12" s="87"/>
      <c r="C12" s="87"/>
      <c r="D12" s="86"/>
      <c r="E12" s="86"/>
      <c r="F12" s="86"/>
      <c r="G12" s="86"/>
      <c r="H12" s="86"/>
      <c r="I12" s="88"/>
      <c r="J12" s="89"/>
      <c r="K12" s="88"/>
    </row>
    <row r="13" spans="1:71" s="49" customFormat="1" ht="30" customHeight="1" thickBot="1" x14ac:dyDescent="0.3">
      <c r="A13" s="173" t="s">
        <v>79</v>
      </c>
      <c r="B13" s="173"/>
      <c r="C13" s="173"/>
      <c r="D13" s="173"/>
      <c r="E13" s="173"/>
      <c r="F13" s="173"/>
      <c r="G13" s="173"/>
      <c r="H13" s="173"/>
      <c r="I13" s="173"/>
      <c r="J13" s="173"/>
      <c r="K13" s="173"/>
    </row>
    <row r="14" spans="1:71" s="50" customFormat="1" ht="15" customHeight="1" x14ac:dyDescent="0.25">
      <c r="A14" s="183" t="s">
        <v>24</v>
      </c>
      <c r="B14" s="185" t="s">
        <v>25</v>
      </c>
      <c r="C14" s="187" t="s">
        <v>26</v>
      </c>
      <c r="D14" s="189" t="s">
        <v>27</v>
      </c>
      <c r="E14" s="191" t="s">
        <v>28</v>
      </c>
      <c r="F14" s="174" t="s">
        <v>29</v>
      </c>
      <c r="G14" s="176" t="s">
        <v>30</v>
      </c>
      <c r="H14" s="178" t="s">
        <v>31</v>
      </c>
      <c r="I14" s="180" t="s">
        <v>32</v>
      </c>
      <c r="J14" s="181"/>
      <c r="K14" s="182"/>
    </row>
    <row r="15" spans="1:71" s="50" customFormat="1" ht="65.099999999999994" customHeight="1" x14ac:dyDescent="0.25">
      <c r="A15" s="184"/>
      <c r="B15" s="186"/>
      <c r="C15" s="188"/>
      <c r="D15" s="190"/>
      <c r="E15" s="192"/>
      <c r="F15" s="175"/>
      <c r="G15" s="177"/>
      <c r="H15" s="179"/>
      <c r="I15" s="116" t="s">
        <v>33</v>
      </c>
      <c r="J15" s="51" t="s">
        <v>34</v>
      </c>
      <c r="K15" s="52" t="s">
        <v>35</v>
      </c>
    </row>
    <row r="16" spans="1:71" s="61" customFormat="1" ht="12" customHeight="1" x14ac:dyDescent="0.25">
      <c r="A16" s="53" t="s">
        <v>5</v>
      </c>
      <c r="B16" s="54" t="s">
        <v>6</v>
      </c>
      <c r="C16" s="54" t="s">
        <v>7</v>
      </c>
      <c r="D16" s="55" t="s">
        <v>8</v>
      </c>
      <c r="E16" s="56" t="s">
        <v>10</v>
      </c>
      <c r="F16" s="55" t="s">
        <v>11</v>
      </c>
      <c r="G16" s="56" t="s">
        <v>12</v>
      </c>
      <c r="H16" s="57" t="s">
        <v>13</v>
      </c>
      <c r="I16" s="58" t="s">
        <v>14</v>
      </c>
      <c r="J16" s="59" t="s">
        <v>36</v>
      </c>
      <c r="K16" s="60" t="s">
        <v>37</v>
      </c>
    </row>
    <row r="17" spans="1:11" s="61" customFormat="1" ht="24.95" customHeight="1" x14ac:dyDescent="0.25">
      <c r="A17" s="62"/>
      <c r="B17" s="63"/>
      <c r="C17" s="64"/>
      <c r="D17" s="65"/>
      <c r="E17" s="66"/>
      <c r="F17" s="67"/>
      <c r="G17" s="68"/>
      <c r="H17" s="69"/>
      <c r="I17" s="120"/>
      <c r="J17" s="121"/>
      <c r="K17" s="122"/>
    </row>
    <row r="18" spans="1:11" s="61" customFormat="1" ht="24.95" customHeight="1" x14ac:dyDescent="0.25">
      <c r="A18" s="70"/>
      <c r="B18" s="71"/>
      <c r="C18" s="72"/>
      <c r="D18" s="73"/>
      <c r="E18" s="74"/>
      <c r="F18" s="75"/>
      <c r="G18" s="76"/>
      <c r="H18" s="77"/>
      <c r="I18" s="123"/>
      <c r="J18" s="124"/>
      <c r="K18" s="125"/>
    </row>
    <row r="19" spans="1:11" s="61" customFormat="1" ht="24.95" customHeight="1" thickBot="1" x14ac:dyDescent="0.3">
      <c r="A19" s="78"/>
      <c r="B19" s="79"/>
      <c r="C19" s="80"/>
      <c r="D19" s="81"/>
      <c r="E19" s="82"/>
      <c r="F19" s="83"/>
      <c r="G19" s="84"/>
      <c r="H19" s="85"/>
      <c r="I19" s="126"/>
      <c r="J19" s="127"/>
      <c r="K19" s="128"/>
    </row>
    <row r="20" spans="1:11" s="61" customFormat="1" ht="12" customHeight="1" x14ac:dyDescent="0.25">
      <c r="A20" s="86"/>
      <c r="B20" s="87"/>
      <c r="C20" s="87"/>
      <c r="D20" s="86"/>
      <c r="E20" s="86"/>
      <c r="F20" s="86"/>
      <c r="G20" s="86"/>
      <c r="H20" s="86"/>
      <c r="I20" s="88"/>
      <c r="J20" s="89"/>
      <c r="K20" s="88"/>
    </row>
    <row r="21" spans="1:11" s="49" customFormat="1" ht="30" customHeight="1" thickBot="1" x14ac:dyDescent="0.3">
      <c r="A21" s="173" t="s">
        <v>80</v>
      </c>
      <c r="B21" s="173"/>
      <c r="C21" s="173"/>
      <c r="D21" s="173"/>
      <c r="E21" s="173"/>
      <c r="F21" s="173"/>
      <c r="G21" s="173"/>
      <c r="H21" s="173"/>
      <c r="I21" s="173"/>
      <c r="J21" s="173"/>
      <c r="K21" s="173"/>
    </row>
    <row r="22" spans="1:11" s="50" customFormat="1" ht="15" customHeight="1" x14ac:dyDescent="0.25">
      <c r="A22" s="183" t="s">
        <v>24</v>
      </c>
      <c r="B22" s="185" t="s">
        <v>25</v>
      </c>
      <c r="C22" s="187" t="s">
        <v>26</v>
      </c>
      <c r="D22" s="189" t="s">
        <v>27</v>
      </c>
      <c r="E22" s="191" t="s">
        <v>28</v>
      </c>
      <c r="F22" s="174" t="s">
        <v>29</v>
      </c>
      <c r="G22" s="176" t="s">
        <v>30</v>
      </c>
      <c r="H22" s="178" t="s">
        <v>31</v>
      </c>
      <c r="I22" s="180" t="s">
        <v>32</v>
      </c>
      <c r="J22" s="181"/>
      <c r="K22" s="182"/>
    </row>
    <row r="23" spans="1:11" s="50" customFormat="1" ht="65.099999999999994" customHeight="1" x14ac:dyDescent="0.25">
      <c r="A23" s="184"/>
      <c r="B23" s="186"/>
      <c r="C23" s="188"/>
      <c r="D23" s="190"/>
      <c r="E23" s="192"/>
      <c r="F23" s="175"/>
      <c r="G23" s="177"/>
      <c r="H23" s="179"/>
      <c r="I23" s="116" t="s">
        <v>33</v>
      </c>
      <c r="J23" s="51" t="s">
        <v>34</v>
      </c>
      <c r="K23" s="52" t="s">
        <v>35</v>
      </c>
    </row>
    <row r="24" spans="1:11" s="61" customFormat="1" ht="12" customHeight="1" x14ac:dyDescent="0.25">
      <c r="A24" s="53" t="s">
        <v>5</v>
      </c>
      <c r="B24" s="54" t="s">
        <v>6</v>
      </c>
      <c r="C24" s="54" t="s">
        <v>7</v>
      </c>
      <c r="D24" s="55" t="s">
        <v>8</v>
      </c>
      <c r="E24" s="56" t="s">
        <v>10</v>
      </c>
      <c r="F24" s="55" t="s">
        <v>11</v>
      </c>
      <c r="G24" s="56" t="s">
        <v>12</v>
      </c>
      <c r="H24" s="57" t="s">
        <v>13</v>
      </c>
      <c r="I24" s="58" t="s">
        <v>14</v>
      </c>
      <c r="J24" s="59" t="s">
        <v>36</v>
      </c>
      <c r="K24" s="60" t="s">
        <v>37</v>
      </c>
    </row>
    <row r="25" spans="1:11" s="61" customFormat="1" ht="24.95" customHeight="1" x14ac:dyDescent="0.25">
      <c r="A25" s="62"/>
      <c r="B25" s="63"/>
      <c r="C25" s="64"/>
      <c r="D25" s="65"/>
      <c r="E25" s="66"/>
      <c r="F25" s="67"/>
      <c r="G25" s="68"/>
      <c r="H25" s="69"/>
      <c r="I25" s="120"/>
      <c r="J25" s="121"/>
      <c r="K25" s="122"/>
    </row>
    <row r="26" spans="1:11" s="61" customFormat="1" ht="24.95" customHeight="1" x14ac:dyDescent="0.25">
      <c r="A26" s="70"/>
      <c r="B26" s="71"/>
      <c r="C26" s="72"/>
      <c r="D26" s="73"/>
      <c r="E26" s="74"/>
      <c r="F26" s="75"/>
      <c r="G26" s="76"/>
      <c r="H26" s="77"/>
      <c r="I26" s="123"/>
      <c r="J26" s="124"/>
      <c r="K26" s="125"/>
    </row>
    <row r="27" spans="1:11" s="61" customFormat="1" ht="24.95" customHeight="1" thickBot="1" x14ac:dyDescent="0.3">
      <c r="A27" s="78"/>
      <c r="B27" s="79"/>
      <c r="C27" s="80"/>
      <c r="D27" s="81"/>
      <c r="E27" s="82"/>
      <c r="F27" s="83"/>
      <c r="G27" s="84"/>
      <c r="H27" s="85"/>
      <c r="I27" s="126"/>
      <c r="J27" s="127"/>
      <c r="K27" s="128"/>
    </row>
    <row r="28" spans="1:11" s="61" customFormat="1" ht="12" customHeight="1" x14ac:dyDescent="0.25">
      <c r="A28" s="86"/>
      <c r="B28" s="87"/>
      <c r="C28" s="87"/>
      <c r="D28" s="86"/>
      <c r="E28" s="86"/>
      <c r="F28" s="86"/>
      <c r="G28" s="86"/>
      <c r="H28" s="86"/>
      <c r="I28" s="88"/>
      <c r="J28" s="89"/>
      <c r="K28" s="88"/>
    </row>
    <row r="29" spans="1:11" s="49" customFormat="1" ht="30" customHeight="1" thickBot="1" x14ac:dyDescent="0.3">
      <c r="A29" s="173" t="s">
        <v>81</v>
      </c>
      <c r="B29" s="173"/>
      <c r="C29" s="173"/>
      <c r="D29" s="173"/>
      <c r="E29" s="173"/>
      <c r="F29" s="173"/>
      <c r="G29" s="173"/>
      <c r="H29" s="173"/>
      <c r="I29" s="173"/>
      <c r="J29" s="173"/>
      <c r="K29" s="173"/>
    </row>
    <row r="30" spans="1:11" s="50" customFormat="1" ht="15" customHeight="1" x14ac:dyDescent="0.25">
      <c r="A30" s="183" t="s">
        <v>24</v>
      </c>
      <c r="B30" s="185" t="s">
        <v>25</v>
      </c>
      <c r="C30" s="187" t="s">
        <v>26</v>
      </c>
      <c r="D30" s="189" t="s">
        <v>27</v>
      </c>
      <c r="E30" s="191" t="s">
        <v>28</v>
      </c>
      <c r="F30" s="174" t="s">
        <v>29</v>
      </c>
      <c r="G30" s="176" t="s">
        <v>30</v>
      </c>
      <c r="H30" s="178" t="s">
        <v>31</v>
      </c>
      <c r="I30" s="180" t="s">
        <v>32</v>
      </c>
      <c r="J30" s="181"/>
      <c r="K30" s="182"/>
    </row>
    <row r="31" spans="1:11" s="50" customFormat="1" ht="65.099999999999994" customHeight="1" x14ac:dyDescent="0.25">
      <c r="A31" s="184"/>
      <c r="B31" s="186"/>
      <c r="C31" s="188"/>
      <c r="D31" s="190"/>
      <c r="E31" s="192"/>
      <c r="F31" s="175"/>
      <c r="G31" s="177"/>
      <c r="H31" s="179"/>
      <c r="I31" s="116" t="s">
        <v>33</v>
      </c>
      <c r="J31" s="51" t="s">
        <v>34</v>
      </c>
      <c r="K31" s="52" t="s">
        <v>35</v>
      </c>
    </row>
    <row r="32" spans="1:11" s="61" customFormat="1" ht="12" customHeight="1" x14ac:dyDescent="0.25">
      <c r="A32" s="53" t="s">
        <v>5</v>
      </c>
      <c r="B32" s="54" t="s">
        <v>6</v>
      </c>
      <c r="C32" s="54" t="s">
        <v>7</v>
      </c>
      <c r="D32" s="55" t="s">
        <v>8</v>
      </c>
      <c r="E32" s="56" t="s">
        <v>10</v>
      </c>
      <c r="F32" s="55" t="s">
        <v>11</v>
      </c>
      <c r="G32" s="56" t="s">
        <v>12</v>
      </c>
      <c r="H32" s="57" t="s">
        <v>13</v>
      </c>
      <c r="I32" s="58" t="s">
        <v>14</v>
      </c>
      <c r="J32" s="59" t="s">
        <v>36</v>
      </c>
      <c r="K32" s="60" t="s">
        <v>37</v>
      </c>
    </row>
    <row r="33" spans="1:11" s="61" customFormat="1" ht="24.95" customHeight="1" x14ac:dyDescent="0.25">
      <c r="A33" s="62"/>
      <c r="B33" s="63"/>
      <c r="C33" s="64"/>
      <c r="D33" s="65"/>
      <c r="E33" s="66"/>
      <c r="F33" s="67"/>
      <c r="G33" s="68"/>
      <c r="H33" s="69"/>
      <c r="I33" s="120"/>
      <c r="J33" s="121"/>
      <c r="K33" s="122"/>
    </row>
    <row r="34" spans="1:11" s="61" customFormat="1" ht="24.95" customHeight="1" x14ac:dyDescent="0.25">
      <c r="A34" s="70"/>
      <c r="B34" s="71"/>
      <c r="C34" s="72"/>
      <c r="D34" s="73"/>
      <c r="E34" s="74"/>
      <c r="F34" s="75"/>
      <c r="G34" s="76"/>
      <c r="H34" s="77"/>
      <c r="I34" s="123"/>
      <c r="J34" s="124"/>
      <c r="K34" s="125"/>
    </row>
    <row r="35" spans="1:11" s="61" customFormat="1" ht="24.95" customHeight="1" thickBot="1" x14ac:dyDescent="0.3">
      <c r="A35" s="78"/>
      <c r="B35" s="79"/>
      <c r="C35" s="80"/>
      <c r="D35" s="81"/>
      <c r="E35" s="82"/>
      <c r="F35" s="83"/>
      <c r="G35" s="84"/>
      <c r="H35" s="85"/>
      <c r="I35" s="126"/>
      <c r="J35" s="127"/>
      <c r="K35" s="128"/>
    </row>
    <row r="36" spans="1:11" s="61" customFormat="1" ht="12" customHeight="1" x14ac:dyDescent="0.25">
      <c r="A36" s="86"/>
      <c r="B36" s="87"/>
      <c r="C36" s="87"/>
      <c r="D36" s="86"/>
      <c r="E36" s="86"/>
      <c r="F36" s="86"/>
      <c r="G36" s="86"/>
      <c r="H36" s="86"/>
      <c r="I36" s="88"/>
      <c r="J36" s="89"/>
      <c r="K36" s="88"/>
    </row>
    <row r="37" spans="1:11" s="49" customFormat="1" ht="30" customHeight="1" thickBot="1" x14ac:dyDescent="0.3">
      <c r="A37" s="173" t="s">
        <v>82</v>
      </c>
      <c r="B37" s="173"/>
      <c r="C37" s="173"/>
      <c r="D37" s="173"/>
      <c r="E37" s="173"/>
      <c r="F37" s="173"/>
      <c r="G37" s="173"/>
      <c r="H37" s="173"/>
      <c r="I37" s="173"/>
      <c r="J37" s="173"/>
      <c r="K37" s="173"/>
    </row>
    <row r="38" spans="1:11" s="50" customFormat="1" ht="15" customHeight="1" x14ac:dyDescent="0.25">
      <c r="A38" s="183" t="s">
        <v>24</v>
      </c>
      <c r="B38" s="185" t="s">
        <v>25</v>
      </c>
      <c r="C38" s="187" t="s">
        <v>26</v>
      </c>
      <c r="D38" s="189" t="s">
        <v>27</v>
      </c>
      <c r="E38" s="191" t="s">
        <v>28</v>
      </c>
      <c r="F38" s="174" t="s">
        <v>29</v>
      </c>
      <c r="G38" s="176" t="s">
        <v>30</v>
      </c>
      <c r="H38" s="178" t="s">
        <v>31</v>
      </c>
      <c r="I38" s="180" t="s">
        <v>32</v>
      </c>
      <c r="J38" s="181"/>
      <c r="K38" s="182"/>
    </row>
    <row r="39" spans="1:11" s="50" customFormat="1" ht="65.099999999999994" customHeight="1" x14ac:dyDescent="0.25">
      <c r="A39" s="184"/>
      <c r="B39" s="186"/>
      <c r="C39" s="188"/>
      <c r="D39" s="190"/>
      <c r="E39" s="192"/>
      <c r="F39" s="175"/>
      <c r="G39" s="177"/>
      <c r="H39" s="179"/>
      <c r="I39" s="116" t="s">
        <v>33</v>
      </c>
      <c r="J39" s="51" t="s">
        <v>34</v>
      </c>
      <c r="K39" s="52" t="s">
        <v>35</v>
      </c>
    </row>
    <row r="40" spans="1:11" s="61" customFormat="1" ht="12" customHeight="1" x14ac:dyDescent="0.25">
      <c r="A40" s="53" t="s">
        <v>5</v>
      </c>
      <c r="B40" s="54" t="s">
        <v>6</v>
      </c>
      <c r="C40" s="54" t="s">
        <v>7</v>
      </c>
      <c r="D40" s="55" t="s">
        <v>8</v>
      </c>
      <c r="E40" s="56" t="s">
        <v>10</v>
      </c>
      <c r="F40" s="55" t="s">
        <v>11</v>
      </c>
      <c r="G40" s="56" t="s">
        <v>12</v>
      </c>
      <c r="H40" s="57" t="s">
        <v>13</v>
      </c>
      <c r="I40" s="58" t="s">
        <v>14</v>
      </c>
      <c r="J40" s="59" t="s">
        <v>36</v>
      </c>
      <c r="K40" s="60" t="s">
        <v>37</v>
      </c>
    </row>
    <row r="41" spans="1:11" s="61" customFormat="1" ht="24.95" customHeight="1" x14ac:dyDescent="0.25">
      <c r="A41" s="62"/>
      <c r="B41" s="63"/>
      <c r="C41" s="64"/>
      <c r="D41" s="65"/>
      <c r="E41" s="66"/>
      <c r="F41" s="67"/>
      <c r="G41" s="68"/>
      <c r="H41" s="69"/>
      <c r="I41" s="120"/>
      <c r="J41" s="121"/>
      <c r="K41" s="122"/>
    </row>
    <row r="42" spans="1:11" s="61" customFormat="1" ht="24.95" customHeight="1" x14ac:dyDescent="0.25">
      <c r="A42" s="70"/>
      <c r="B42" s="71"/>
      <c r="C42" s="72"/>
      <c r="D42" s="73"/>
      <c r="E42" s="74"/>
      <c r="F42" s="75"/>
      <c r="G42" s="76"/>
      <c r="H42" s="77"/>
      <c r="I42" s="123"/>
      <c r="J42" s="124"/>
      <c r="K42" s="125"/>
    </row>
    <row r="43" spans="1:11" s="61" customFormat="1" ht="24.95" customHeight="1" thickBot="1" x14ac:dyDescent="0.3">
      <c r="A43" s="78"/>
      <c r="B43" s="79"/>
      <c r="C43" s="80"/>
      <c r="D43" s="81"/>
      <c r="E43" s="82"/>
      <c r="F43" s="83"/>
      <c r="G43" s="84"/>
      <c r="H43" s="85"/>
      <c r="I43" s="126"/>
      <c r="J43" s="127"/>
      <c r="K43" s="128"/>
    </row>
    <row r="44" spans="1:11" s="61" customFormat="1" ht="12" customHeight="1" x14ac:dyDescent="0.25">
      <c r="A44" s="86"/>
      <c r="B44" s="87"/>
      <c r="C44" s="87"/>
      <c r="D44" s="86"/>
      <c r="E44" s="86"/>
      <c r="F44" s="86"/>
      <c r="G44" s="86"/>
      <c r="H44" s="86"/>
      <c r="I44" s="88"/>
      <c r="J44" s="89"/>
      <c r="K44" s="88"/>
    </row>
    <row r="46" spans="1:11" s="6" customFormat="1" ht="15" customHeight="1" x14ac:dyDescent="0.25">
      <c r="A46" s="6" t="s">
        <v>0</v>
      </c>
      <c r="B46" s="193" t="s">
        <v>83</v>
      </c>
      <c r="C46" s="193"/>
    </row>
    <row r="47" spans="1:11" s="6" customFormat="1" ht="15" customHeight="1" x14ac:dyDescent="0.25">
      <c r="A47" s="6" t="s">
        <v>1</v>
      </c>
      <c r="B47" s="193"/>
      <c r="C47" s="193"/>
    </row>
    <row r="48" spans="1:11" s="6" customFormat="1" x14ac:dyDescent="0.25">
      <c r="G48" s="129"/>
      <c r="H48" s="130" t="s">
        <v>76</v>
      </c>
      <c r="I48" s="109"/>
      <c r="J48" s="129"/>
    </row>
    <row r="49" spans="1:11" s="6" customFormat="1" ht="15" customHeight="1" x14ac:dyDescent="0.25">
      <c r="G49" s="131"/>
      <c r="H49" s="130" t="s">
        <v>77</v>
      </c>
      <c r="I49" s="166"/>
      <c r="J49" s="166"/>
    </row>
    <row r="50" spans="1:11" s="6" customFormat="1" ht="16.5" customHeight="1" x14ac:dyDescent="0.25">
      <c r="G50" s="95"/>
      <c r="H50" s="95"/>
    </row>
    <row r="51" spans="1:11" s="16" customFormat="1" x14ac:dyDescent="0.25">
      <c r="A51" s="194" t="s">
        <v>2</v>
      </c>
      <c r="B51" s="194"/>
      <c r="E51" s="6"/>
    </row>
    <row r="52" spans="1:11" s="19" customFormat="1" ht="15" customHeight="1" x14ac:dyDescent="0.25">
      <c r="A52" s="17"/>
      <c r="B52" s="195" t="s">
        <v>4</v>
      </c>
      <c r="C52" s="195"/>
      <c r="D52" s="18"/>
      <c r="E52" s="6"/>
    </row>
    <row r="53" spans="1:11" s="61" customFormat="1" ht="24.95" customHeight="1" x14ac:dyDescent="0.25">
      <c r="A53" s="196"/>
      <c r="B53" s="196"/>
      <c r="C53" s="196"/>
      <c r="D53" s="196"/>
      <c r="E53" s="196"/>
      <c r="F53" s="196"/>
      <c r="G53" s="196"/>
      <c r="H53" s="196"/>
      <c r="I53" s="196"/>
      <c r="J53" s="196"/>
      <c r="K53" s="196"/>
    </row>
    <row r="54" spans="1:11" ht="41.25" customHeight="1" x14ac:dyDescent="0.25"/>
  </sheetData>
  <mergeCells count="60">
    <mergeCell ref="A53:K53"/>
    <mergeCell ref="B46:C46"/>
    <mergeCell ref="A38:A39"/>
    <mergeCell ref="B38:B39"/>
    <mergeCell ref="C38:C39"/>
    <mergeCell ref="D38:D39"/>
    <mergeCell ref="E38:E39"/>
    <mergeCell ref="B47:C47"/>
    <mergeCell ref="I49:J49"/>
    <mergeCell ref="A51:B51"/>
    <mergeCell ref="B52:C52"/>
    <mergeCell ref="F38:F39"/>
    <mergeCell ref="G38:G39"/>
    <mergeCell ref="H38:H39"/>
    <mergeCell ref="I38:K38"/>
    <mergeCell ref="F30:F31"/>
    <mergeCell ref="G30:G31"/>
    <mergeCell ref="H30:H31"/>
    <mergeCell ref="I30:K30"/>
    <mergeCell ref="A37:K37"/>
    <mergeCell ref="A30:A31"/>
    <mergeCell ref="B30:B31"/>
    <mergeCell ref="C30:C31"/>
    <mergeCell ref="D30:D31"/>
    <mergeCell ref="E30:E31"/>
    <mergeCell ref="F22:F23"/>
    <mergeCell ref="G22:G23"/>
    <mergeCell ref="H22:H23"/>
    <mergeCell ref="I22:K22"/>
    <mergeCell ref="A29:K29"/>
    <mergeCell ref="A22:A23"/>
    <mergeCell ref="B22:B23"/>
    <mergeCell ref="C22:C23"/>
    <mergeCell ref="D22:D23"/>
    <mergeCell ref="E22:E23"/>
    <mergeCell ref="F14:F15"/>
    <mergeCell ref="G14:G15"/>
    <mergeCell ref="H14:H15"/>
    <mergeCell ref="I14:K14"/>
    <mergeCell ref="A21:K21"/>
    <mergeCell ref="A14:A15"/>
    <mergeCell ref="B14:B15"/>
    <mergeCell ref="C14:C15"/>
    <mergeCell ref="D14:D15"/>
    <mergeCell ref="E14:E15"/>
    <mergeCell ref="F6:F7"/>
    <mergeCell ref="G6:G7"/>
    <mergeCell ref="H6:H7"/>
    <mergeCell ref="I6:K6"/>
    <mergeCell ref="A13:K13"/>
    <mergeCell ref="A6:A7"/>
    <mergeCell ref="B6:B7"/>
    <mergeCell ref="C6:C7"/>
    <mergeCell ref="D6:D7"/>
    <mergeCell ref="E6:E7"/>
    <mergeCell ref="A1:B1"/>
    <mergeCell ref="A2:L2"/>
    <mergeCell ref="A3:E3"/>
    <mergeCell ref="A4:K4"/>
    <mergeCell ref="A5:K5"/>
  </mergeCells>
  <conditionalFormatting sqref="B46:C47">
    <cfRule type="containsBlanks" dxfId="3" priority="2">
      <formula>LEN(TRIM(B46))=0</formula>
    </cfRule>
  </conditionalFormatting>
  <conditionalFormatting sqref="I49:J49">
    <cfRule type="containsBlanks" dxfId="2" priority="1">
      <formula>LEN(TRIM(I4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2&amp;"Times New Roman,Normálne"
Sortiment ponúkaného tovaru</oddHeader>
  </headerFooter>
  <rowBreaks count="3" manualBreakCount="3">
    <brk id="20" max="10" man="1"/>
    <brk id="35" max="10" man="1"/>
    <brk id="50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9" t="s">
        <v>3</v>
      </c>
      <c r="B1" s="203"/>
      <c r="C1" s="7"/>
      <c r="D1" s="7"/>
      <c r="E1" s="7"/>
      <c r="F1" s="7"/>
    </row>
    <row r="2" spans="1:13" ht="15" customHeight="1" x14ac:dyDescent="0.2">
      <c r="A2" s="170" t="s">
        <v>38</v>
      </c>
      <c r="B2" s="170"/>
      <c r="C2" s="170"/>
      <c r="D2" s="170"/>
      <c r="E2" s="170"/>
      <c r="F2" s="170"/>
      <c r="G2" s="170"/>
      <c r="H2" s="170"/>
      <c r="I2" s="170"/>
      <c r="J2" s="170"/>
      <c r="K2" s="170"/>
      <c r="L2" s="170"/>
    </row>
    <row r="3" spans="1:13" ht="24.95" customHeight="1" x14ac:dyDescent="0.2">
      <c r="A3" s="204"/>
      <c r="B3" s="204"/>
      <c r="C3" s="204"/>
      <c r="D3" s="204"/>
      <c r="E3" s="204"/>
      <c r="F3" s="204"/>
    </row>
    <row r="4" spans="1:13" ht="18.75" x14ac:dyDescent="0.3">
      <c r="A4" s="205" t="s">
        <v>84</v>
      </c>
      <c r="B4" s="205"/>
      <c r="C4" s="205"/>
      <c r="D4" s="205"/>
      <c r="E4" s="205"/>
      <c r="F4" s="205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02" t="s">
        <v>85</v>
      </c>
      <c r="B6" s="202"/>
      <c r="C6" s="202"/>
      <c r="D6" s="202"/>
      <c r="E6" s="202"/>
      <c r="F6" s="20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02" t="s">
        <v>86</v>
      </c>
      <c r="C7" s="202"/>
      <c r="D7" s="202"/>
      <c r="E7" s="202"/>
      <c r="F7" s="202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02" t="s">
        <v>15</v>
      </c>
      <c r="C8" s="202"/>
      <c r="D8" s="202"/>
      <c r="E8" s="202"/>
      <c r="F8" s="202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02" t="s">
        <v>16</v>
      </c>
      <c r="C9" s="202"/>
      <c r="D9" s="202"/>
      <c r="E9" s="202"/>
      <c r="F9" s="202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02" t="s">
        <v>17</v>
      </c>
      <c r="C10" s="202"/>
      <c r="D10" s="202"/>
      <c r="E10" s="202"/>
      <c r="F10" s="202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199"/>
      <c r="B11" s="199"/>
      <c r="C11" s="199"/>
      <c r="D11" s="199"/>
      <c r="E11" s="199"/>
      <c r="F11" s="199"/>
    </row>
    <row r="12" spans="1:13" ht="99.75" x14ac:dyDescent="0.2">
      <c r="A12" s="22" t="s">
        <v>18</v>
      </c>
      <c r="B12" s="23" t="s">
        <v>19</v>
      </c>
      <c r="C12" s="23" t="s">
        <v>8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132" t="s">
        <v>5</v>
      </c>
      <c r="B13" s="133" t="s">
        <v>6</v>
      </c>
      <c r="C13" s="133" t="s">
        <v>7</v>
      </c>
      <c r="D13" s="133" t="s">
        <v>8</v>
      </c>
      <c r="E13" s="133" t="s">
        <v>10</v>
      </c>
      <c r="F13" s="134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00"/>
      <c r="B20" s="200"/>
      <c r="C20" s="200"/>
      <c r="D20" s="200"/>
      <c r="E20" s="200"/>
      <c r="F20" s="200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193"/>
      <c r="C22" s="193"/>
    </row>
    <row r="23" spans="1:7" s="6" customFormat="1" ht="15" customHeight="1" x14ac:dyDescent="0.25">
      <c r="A23" s="6" t="s">
        <v>1</v>
      </c>
      <c r="B23" s="193"/>
      <c r="C23" s="193"/>
    </row>
    <row r="24" spans="1:7" s="6" customFormat="1" ht="15" x14ac:dyDescent="0.25"/>
    <row r="25" spans="1:7" s="6" customFormat="1" ht="15" customHeight="1" x14ac:dyDescent="0.25">
      <c r="C25" s="129"/>
      <c r="D25" s="130" t="s">
        <v>76</v>
      </c>
      <c r="E25" s="109"/>
      <c r="F25" s="129"/>
    </row>
    <row r="26" spans="1:7" ht="15" customHeight="1" x14ac:dyDescent="0.2">
      <c r="C26" s="131"/>
      <c r="D26" s="130" t="s">
        <v>77</v>
      </c>
      <c r="E26" s="166"/>
      <c r="F26" s="166"/>
    </row>
    <row r="27" spans="1:7" s="13" customFormat="1" x14ac:dyDescent="0.2">
      <c r="A27" s="201" t="s">
        <v>2</v>
      </c>
      <c r="B27" s="201"/>
    </row>
    <row r="28" spans="1:7" s="15" customFormat="1" ht="12" customHeight="1" x14ac:dyDescent="0.2">
      <c r="A28" s="135"/>
      <c r="B28" s="197" t="s">
        <v>4</v>
      </c>
      <c r="C28" s="198"/>
      <c r="D28" s="198"/>
      <c r="E28" s="198"/>
      <c r="F28" s="198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3-11T11:26:03Z</cp:lastPrinted>
  <dcterms:created xsi:type="dcterms:W3CDTF">2014-08-04T05:30:35Z</dcterms:created>
  <dcterms:modified xsi:type="dcterms:W3CDTF">2019-04-15T08:28:53Z</dcterms:modified>
</cp:coreProperties>
</file>